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4\HP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0" uniqueCount="32">
  <si>
    <t>富山市の人口</t>
  </si>
  <si>
    <t>住民基本台帳人口</t>
  </si>
  <si>
    <t>平成　　30　 年</t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6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4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77460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17570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203429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14141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29</v>
      </c>
      <c r="C18" s="50">
        <v>126</v>
      </c>
      <c r="D18" s="51">
        <v>255</v>
      </c>
      <c r="E18" s="50">
        <v>245</v>
      </c>
      <c r="F18" s="50">
        <v>235</v>
      </c>
      <c r="G18" s="51">
        <v>480</v>
      </c>
      <c r="H18" s="51">
        <v>-225</v>
      </c>
      <c r="I18" s="50">
        <v>273</v>
      </c>
      <c r="J18" s="50">
        <v>82</v>
      </c>
      <c r="K18" s="50">
        <v>100</v>
      </c>
      <c r="L18" s="51">
        <v>182</v>
      </c>
      <c r="M18" s="50">
        <v>467</v>
      </c>
      <c r="N18" s="50">
        <v>416</v>
      </c>
      <c r="O18" s="50">
        <v>245</v>
      </c>
      <c r="P18" s="51">
        <v>661</v>
      </c>
      <c r="Q18" s="51">
        <v>843</v>
      </c>
      <c r="R18" s="50">
        <v>379</v>
      </c>
      <c r="S18" s="50">
        <v>139</v>
      </c>
      <c r="T18" s="50">
        <v>108</v>
      </c>
      <c r="U18" s="51">
        <v>247</v>
      </c>
      <c r="V18" s="50">
        <v>199</v>
      </c>
      <c r="W18" s="50">
        <v>228</v>
      </c>
      <c r="X18" s="50">
        <v>188</v>
      </c>
      <c r="Y18" s="51">
        <v>416</v>
      </c>
      <c r="Z18" s="51">
        <v>663</v>
      </c>
      <c r="AA18" s="51">
        <v>180</v>
      </c>
      <c r="AB18" s="51">
        <v>-45</v>
      </c>
      <c r="AC18" s="52">
        <v>176565</v>
      </c>
      <c r="AD18" s="52">
        <v>203464</v>
      </c>
      <c r="AE18" s="52">
        <v>214536</v>
      </c>
      <c r="AF18" s="53">
        <v>418000</v>
      </c>
    </row>
    <row r="19" spans="1:32" ht="20.100000000000001" customHeight="1">
      <c r="A19" s="54">
        <v>2</v>
      </c>
      <c r="B19" s="55">
        <v>137</v>
      </c>
      <c r="C19" s="55">
        <v>131</v>
      </c>
      <c r="D19" s="56">
        <v>268</v>
      </c>
      <c r="E19" s="55">
        <v>251</v>
      </c>
      <c r="F19" s="55">
        <v>223</v>
      </c>
      <c r="G19" s="56">
        <v>474</v>
      </c>
      <c r="H19" s="56">
        <v>-206</v>
      </c>
      <c r="I19" s="55">
        <v>325</v>
      </c>
      <c r="J19" s="55">
        <v>105</v>
      </c>
      <c r="K19" s="55">
        <v>118</v>
      </c>
      <c r="L19" s="56">
        <v>223</v>
      </c>
      <c r="M19" s="55">
        <v>419</v>
      </c>
      <c r="N19" s="55">
        <v>388</v>
      </c>
      <c r="O19" s="55">
        <v>214</v>
      </c>
      <c r="P19" s="56">
        <v>602</v>
      </c>
      <c r="Q19" s="56">
        <v>825</v>
      </c>
      <c r="R19" s="55">
        <v>403</v>
      </c>
      <c r="S19" s="55">
        <v>137</v>
      </c>
      <c r="T19" s="55">
        <v>112</v>
      </c>
      <c r="U19" s="56">
        <v>249</v>
      </c>
      <c r="V19" s="55">
        <v>263</v>
      </c>
      <c r="W19" s="55">
        <v>279</v>
      </c>
      <c r="X19" s="55">
        <v>213</v>
      </c>
      <c r="Y19" s="56">
        <v>492</v>
      </c>
      <c r="Z19" s="56">
        <v>741</v>
      </c>
      <c r="AA19" s="56">
        <v>84</v>
      </c>
      <c r="AB19" s="56">
        <v>-122</v>
      </c>
      <c r="AC19" s="57">
        <v>176643</v>
      </c>
      <c r="AD19" s="57">
        <v>203427</v>
      </c>
      <c r="AE19" s="57">
        <v>214451</v>
      </c>
      <c r="AF19" s="58">
        <v>417878</v>
      </c>
    </row>
    <row r="20" spans="1:32" ht="20.100000000000001" customHeight="1">
      <c r="A20" s="54">
        <v>3</v>
      </c>
      <c r="B20" s="55">
        <v>135</v>
      </c>
      <c r="C20" s="55">
        <v>118</v>
      </c>
      <c r="D20" s="56">
        <v>253</v>
      </c>
      <c r="E20" s="55">
        <v>202</v>
      </c>
      <c r="F20" s="55">
        <v>197</v>
      </c>
      <c r="G20" s="56">
        <v>399</v>
      </c>
      <c r="H20" s="56">
        <v>-146</v>
      </c>
      <c r="I20" s="55">
        <v>586</v>
      </c>
      <c r="J20" s="55">
        <v>303</v>
      </c>
      <c r="K20" s="55">
        <v>255</v>
      </c>
      <c r="L20" s="56">
        <v>558</v>
      </c>
      <c r="M20" s="55">
        <v>885</v>
      </c>
      <c r="N20" s="55">
        <v>941</v>
      </c>
      <c r="O20" s="55">
        <v>588</v>
      </c>
      <c r="P20" s="56">
        <v>1529</v>
      </c>
      <c r="Q20" s="56">
        <v>2087</v>
      </c>
      <c r="R20" s="55">
        <v>520</v>
      </c>
      <c r="S20" s="55">
        <v>335</v>
      </c>
      <c r="T20" s="55">
        <v>239</v>
      </c>
      <c r="U20" s="56">
        <v>574</v>
      </c>
      <c r="V20" s="55">
        <v>826</v>
      </c>
      <c r="W20" s="55">
        <v>1142</v>
      </c>
      <c r="X20" s="55">
        <v>876</v>
      </c>
      <c r="Y20" s="56">
        <v>2018</v>
      </c>
      <c r="Z20" s="56">
        <v>2592</v>
      </c>
      <c r="AA20" s="56">
        <v>-505</v>
      </c>
      <c r="AB20" s="56">
        <v>-651</v>
      </c>
      <c r="AC20" s="57">
        <v>176768</v>
      </c>
      <c r="AD20" s="57">
        <v>203127</v>
      </c>
      <c r="AE20" s="57">
        <v>214100</v>
      </c>
      <c r="AF20" s="58">
        <v>417227</v>
      </c>
    </row>
    <row r="21" spans="1:32" ht="20.100000000000001" customHeight="1">
      <c r="A21" s="54">
        <v>4</v>
      </c>
      <c r="B21" s="55">
        <v>114</v>
      </c>
      <c r="C21" s="55">
        <v>107</v>
      </c>
      <c r="D21" s="56">
        <v>221</v>
      </c>
      <c r="E21" s="55">
        <v>166</v>
      </c>
      <c r="F21" s="55">
        <v>172</v>
      </c>
      <c r="G21" s="56">
        <v>338</v>
      </c>
      <c r="H21" s="56">
        <v>-117</v>
      </c>
      <c r="I21" s="55">
        <v>511</v>
      </c>
      <c r="J21" s="55">
        <v>212</v>
      </c>
      <c r="K21" s="55">
        <v>191</v>
      </c>
      <c r="L21" s="56">
        <v>403</v>
      </c>
      <c r="M21" s="55">
        <v>1052</v>
      </c>
      <c r="N21" s="55">
        <v>943</v>
      </c>
      <c r="O21" s="55">
        <v>540</v>
      </c>
      <c r="P21" s="56">
        <v>1483</v>
      </c>
      <c r="Q21" s="56">
        <v>1886</v>
      </c>
      <c r="R21" s="55">
        <v>382</v>
      </c>
      <c r="S21" s="55">
        <v>144</v>
      </c>
      <c r="T21" s="55">
        <v>139</v>
      </c>
      <c r="U21" s="56">
        <v>283</v>
      </c>
      <c r="V21" s="55">
        <v>489</v>
      </c>
      <c r="W21" s="55">
        <v>657</v>
      </c>
      <c r="X21" s="55">
        <v>486</v>
      </c>
      <c r="Y21" s="56">
        <v>1143</v>
      </c>
      <c r="Z21" s="56">
        <v>1426</v>
      </c>
      <c r="AA21" s="56">
        <v>460</v>
      </c>
      <c r="AB21" s="56">
        <v>343</v>
      </c>
      <c r="AC21" s="57">
        <v>177460</v>
      </c>
      <c r="AD21" s="57">
        <v>203429</v>
      </c>
      <c r="AE21" s="57">
        <v>214141</v>
      </c>
      <c r="AF21" s="58">
        <v>417570</v>
      </c>
    </row>
    <row r="22" spans="1:32" ht="20.100000000000001" customHeight="1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>
      <c r="A30" s="45" t="s">
        <v>24</v>
      </c>
      <c r="B30" s="70">
        <v>515</v>
      </c>
      <c r="C30" s="70">
        <v>482</v>
      </c>
      <c r="D30" s="70">
        <v>997</v>
      </c>
      <c r="E30" s="70">
        <v>864</v>
      </c>
      <c r="F30" s="70">
        <v>827</v>
      </c>
      <c r="G30" s="70">
        <v>1691</v>
      </c>
      <c r="H30" s="70">
        <v>-694</v>
      </c>
      <c r="I30" s="70">
        <v>1695</v>
      </c>
      <c r="J30" s="70">
        <v>702</v>
      </c>
      <c r="K30" s="70">
        <v>664</v>
      </c>
      <c r="L30" s="70">
        <v>1366</v>
      </c>
      <c r="M30" s="70">
        <v>2823</v>
      </c>
      <c r="N30" s="70">
        <v>2688</v>
      </c>
      <c r="O30" s="70">
        <v>1587</v>
      </c>
      <c r="P30" s="70">
        <v>4275</v>
      </c>
      <c r="Q30" s="70">
        <v>5641</v>
      </c>
      <c r="R30" s="70">
        <v>1684</v>
      </c>
      <c r="S30" s="70">
        <v>755</v>
      </c>
      <c r="T30" s="70">
        <v>598</v>
      </c>
      <c r="U30" s="70">
        <v>1353</v>
      </c>
      <c r="V30" s="70">
        <v>1777</v>
      </c>
      <c r="W30" s="70">
        <v>2306</v>
      </c>
      <c r="X30" s="70">
        <v>1763</v>
      </c>
      <c r="Y30" s="70">
        <v>4069</v>
      </c>
      <c r="Z30" s="70">
        <v>5422</v>
      </c>
      <c r="AA30" s="70">
        <v>219</v>
      </c>
      <c r="AB30" s="70">
        <v>-475</v>
      </c>
      <c r="AC30" s="71"/>
      <c r="AD30" s="71"/>
      <c r="AE30" s="71"/>
      <c r="AF30" s="72"/>
    </row>
    <row r="31" spans="1:3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5-02T02:00:45Z</dcterms:created>
  <dcterms:modified xsi:type="dcterms:W3CDTF">2018-05-02T02:00:46Z</dcterms:modified>
</cp:coreProperties>
</file>